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defaultThemeVersion="166925"/>
  <mc:AlternateContent xmlns:mc="http://schemas.openxmlformats.org/markup-compatibility/2006">
    <mc:Choice Requires="x15">
      <x15ac:absPath xmlns:x15ac="http://schemas.microsoft.com/office/spreadsheetml/2010/11/ac" url="C:\Users\s5910942\Desktop\"/>
    </mc:Choice>
  </mc:AlternateContent>
  <xr:revisionPtr revIDLastSave="0" documentId="13_ncr:1_{89BA84EA-14E6-48E6-BF79-7BFF41A4483C}" xr6:coauthVersionLast="47" xr6:coauthVersionMax="47" xr10:uidLastSave="{00000000-0000-0000-0000-000000000000}"/>
  <bookViews>
    <workbookView xWindow="-108" yWindow="-108" windowWidth="23256" windowHeight="12456" xr2:uid="{00000000-000D-0000-FFFF-FFFF00000000}"/>
  </bookViews>
  <sheets>
    <sheet name="Anexo No. 4.1. Seguro de Vida" sheetId="1" r:id="rId1"/>
  </sheets>
  <definedNames>
    <definedName name="_xlnm.Print_Area" localSheetId="0">'Anexo No. 4.1. Seguro de Vida'!$B$2:$B$65</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4" uniqueCount="64">
  <si>
    <t>Anexo No. 4.1. - SEGURO DE VIDA
DEUDORES CREDITOS CON GARANTIA  HIPOTECARIA Y LEASING HABITACIONAL
CONDICIONES TÉCNICAS BÁSICAS OBLIGATORIAS</t>
  </si>
  <si>
    <t>CONDICIÓN</t>
  </si>
  <si>
    <t>OBJETO DEL SEGURO</t>
  </si>
  <si>
    <t>TIPO DE PÓLIZA</t>
  </si>
  <si>
    <t>El Banco reportará el listado de riesgos a asegurar vigentes y nuevos ingresos para cada grupo asegurable.</t>
  </si>
  <si>
    <t>VALOR ASEGURADO</t>
  </si>
  <si>
    <t>El valor asegurado por persona en uno o varios créditos será el saldo insoluto de la deuda, incluyendo capital, intereses corrientes, intereses de mora, gastos y honorarios de cobranza, primas de seguro y cualquier otra suma a cargo del deudor relacionada con la operación de crédito, según certificación expedida por el área respectiva del Banco al momento del fallecimiento o de la estructuración de la incapacidad total y permanente del deudor, según el caso.</t>
  </si>
  <si>
    <t>BENEFICIARIO</t>
  </si>
  <si>
    <t>Scotiabank Colpatria S.A., hasta por el valor del saldo insoluto de la deuda a la fecha del siniestro, incluyendo capital, interés corriente, interés de mora, gastos y honorarios de cobranza, primas de seguro y cualquier otra suma a cargo del deudor relacionada con la operación de crédito o leasing.</t>
  </si>
  <si>
    <t>VIGENCIA DE LA PÓLIZA</t>
  </si>
  <si>
    <t>COBERTURAS</t>
  </si>
  <si>
    <t>Los amparos anteriormente señalados, extenderán su cobertura a los siguientes eventos, más no limitados a:
* La tentativa de suicidio o lesiones intencionalmente causadas por el asegurado a sí mismo, ya sea en estado de cordura o demencia.
* Tentativa de homicidio, salvo el ocurrido en accidente de tránsito y sea esta la causa de la incapacidad total y permanente.
* Cuando el asegurado se encuentre bajo la influencia de bebidas embriagantes o de alucinógenos y sea esta la muerte o es causa de la incapacidad total y permanente.
* Se cubre invalidez, desmembración o inutilización por accidente o enfermedad.
* El uso de vehículos o artefactos aéreos en calidad de piloto, estudiante de pilotaje, mecánico de aviación o miembro de la tripulación.
* Práctica, entrenamiento o participación en deportes o actividades tales como espeleología, buceo, alpinismo o escalamiento de montañas, planeadores, deportes de invierno.
* Las competencias o entrenamientos como aficionado, de actividades como: motociclismo, cuatrimoto, parapentismo, bungee jumping, puenting, rafting, downhill, paracaidismo, escalada de montañas, esquí en el hielo, buceo, artes marciales, entre otras.
* La muerte como consecuencia de epidemias o pandemias.</t>
  </si>
  <si>
    <t>CLAUSULAS BÁSICAS</t>
  </si>
  <si>
    <t>EXCLUSIONES</t>
  </si>
  <si>
    <t>CONDICIONES ECONÓMICAS</t>
  </si>
  <si>
    <t>Tasa de riesgo</t>
  </si>
  <si>
    <t>Las Compañías Aseguradoras participantes deberán presentar en sus Posturas una tasa de prima Única para el total de la cartera asegurada.</t>
  </si>
  <si>
    <t>Tarifa por el servicio de recaudo de las primas</t>
  </si>
  <si>
    <t>Amparar en caso de muerte por cualquier causa, ya sea por causa natural, accidental, incluido suicidio, suicidio asistido, eutanasia, homicidio, terrorismo siempre y cuando el asegurado no actúe como sujeto activo y la muerte derivada o relacionada con VIH positivo o SIDA, Incapacidad total y permanente e invalidez desde la iniciación de la vigencia, a los deudores de créditos asociados a garantías hipotecarias o leasing habitacional/inmobiliario y/o Leaseback.</t>
  </si>
  <si>
    <t>El inicio de vigencia se dará a partir de 01 de Marzo de 2026 a las 00:00:00 horas.
La vigencia de la contratación de las pólizas adjudicadas tendrá un término inicial de un (1) año contado a partir de la hora y fecha señalados en el cronograma en la casilla “Inicio de vigencia” del cuadro señalado en éste acápite, con posibilidad de renovarse en forma automática por una única vez por un periodo de un (1) año adicional, con una vigencia máxima de dos (2) años de acuerdo a la normatividad vigente. La renovación automática operará salvo que el Banco notifique a la Compañía Aseguradora adjudicataria la decisión de no renovar la vigencia de la contratación, por medio de comunicación escrita remitida con al menos sesenta (60) días de anticipación al vencimiento del primer año de vigencia, sin necesidad de justificación alguna de tal decisión, y sin que ello implique un perjuicio a la Compañía Aseguradora adjudicataria. La Compañía Aseguradora adjudicataria no tiene el derecho ni la facultad de notificar su intención de no renovación.
En todo caso, El Banco en cualquier momento podrá dar por terminado el plazo de la adjudicación, notificando la terminación con una antelación mínima de sesenta (60) días calendario a la fecha efectiva de terminación, a la dirección electrónica registrada o el domicilio principal inscrito en el registro mercantil, o cualquier otra utilizada por las partes con anterioridad sin que genere ningún tipo de sanción para el Banco ni sus clientes deudores.
La aseguradora deberá cumplir con todas sus obligaciones hasta la fecha de terminación y apoyar en todas las actividades que se requieran para la entrega a la otra Compañía Aseguradora.</t>
  </si>
  <si>
    <t>PARÁGRAFO PRIMERO: Para todos los literales anteriores, se entenderá que se mantiene la cobertura inicial, sin restricciones o requisitos de asegurabilidad o condiciones de cualquier tipo, en los eventos que el Banco realice  cualquier negocio jurídico, acto u operación, que implique un cambio de las condiciones iniciales de los créditos, incluyendo pero no limitado a: prórrogas, refinanciaciones, renovaciones, unificaciones, retanqueos reestructuraciones, compra de cartera  y cualquier otro tipo de acuerdo suscrito con los clientes del Banco en las diferentes operaciones de crédito o activas que se presenten dentro de la vigencia de esta licitación. 
PARÁGRAFO SEGUNDO: Para todos los literales anteriores, así como para los eventos descritos en el párrafo anterior, la vigencia de cada póliza individual será hasta la cancelación total de la deuda, obligación, crédito o leasing.
PARÁGRAFO TERCERO: El hecho de encontrarse un crédito en la condición de castigo, u otra situación jurídica, contable, u operativa no implicará la pérdida de la cobertura otorgada bajo esta licitación pública, siempre y cuando el Banco realice el respectivo pago de la prima a la Compañía Aseguradora.
PARAGRAFO CUARTO: La cobertura sin restricciones o requisitos de asegurabilidad o condiciones de cualquier tipo por parte de la adjudicataria hasta el amparo automático, aplicará únicamente para créditos nuevos u originados por el Banco posterior al inicio de vigencia de la presente contratación indicados en el literal b) de este numeral, para todos los demás literales la cobertura se deberá otorgar sin límite de amparo automático.</t>
  </si>
  <si>
    <t>Las Compañías Aseguradoras oferentes en caso de que decidan libremente utilizar al Banco para el servicio de recaudo de las primas, deberá pagar al Banco el valor de veintiun mil ciento cincuenta y cinco pesos ($21.155) más IVA y aplicará a cada una de las primas y seguros recaudados.</t>
  </si>
  <si>
    <r>
      <rPr>
        <b/>
        <sz val="11"/>
        <color theme="1"/>
        <rFont val="Calibri"/>
        <family val="2"/>
        <scheme val="minor"/>
      </rPr>
      <t>VIDA (muerte por cualquier causa)</t>
    </r>
    <r>
      <rPr>
        <sz val="11"/>
        <color theme="1"/>
        <rFont val="Calibri"/>
        <family val="2"/>
        <scheme val="minor"/>
      </rPr>
      <t xml:space="preserve">
La Compañía cubre durante la vigencia de la póliza el riesgo de muerte de los asegurados, ya sea por causa natural, accidental, incluido suicidio, suicidio asistido, eutanasia, homicidio, pandemias y epidemias desde el primer día de cobertura, terrorismo siempre y cuando el asegurado no actúe como sujeto activo y la muerte derivada o relacionada con VIH positivo o SIDA que no sea preexistente a su entrada en la póliza colectiva y desde el primer día de cobertura.</t>
    </r>
  </si>
  <si>
    <r>
      <rPr>
        <b/>
        <sz val="11"/>
        <color theme="1"/>
        <rFont val="Calibri"/>
        <family val="2"/>
        <scheme val="minor"/>
      </rPr>
      <t xml:space="preserve">Incapacidad Total y Permanente e Invalidez
</t>
    </r>
    <r>
      <rPr>
        <sz val="11"/>
        <color theme="1"/>
        <rFont val="Calibri"/>
        <family val="2"/>
        <scheme val="minor"/>
      </rPr>
      <t>En todo caso, se entenderá como fecha de siniestro, la fecha de estructuración de la pérdida de la capacidad laboral permanente para todos los asegurados que se encuentren bajo el régimen común; Para aquellos asegurados que hagan parte de un régimen especial, se ceñirá a la fecha de resolución por parte de la entidad competente.
Definición Capacidad Laboral: De acuerdo al decreto 1507 del 2014 en su artículo 2 la pérdida de capacidad laboral es el conjunto de habilidades, destrezas, aptitudes y/o potencialidades de orden físico, mental y social, que permiten desempeñarse en un trabajo, en donde la invalidez se define como la pérdida de la capacidad laboral u ocupacional igual o superior al 50%
Cuando se presente una reclamación por incapacidad total y permanente, y esta no llegare al porcentaje requerido por la póliza para su pago, la cobertura no cesará y por lo tanto los amparos seguirán vigentes. Caso en el cual, La Compañía Aseguradora deberá notificar al cliente por escrito sobre la continuidad de cobertura.</t>
    </r>
  </si>
  <si>
    <r>
      <rPr>
        <b/>
        <sz val="11"/>
        <color theme="1"/>
        <rFont val="Calibri"/>
        <family val="2"/>
        <scheme val="minor"/>
      </rPr>
      <t xml:space="preserve">Personas amparadas.
</t>
    </r>
    <r>
      <rPr>
        <sz val="11"/>
        <color theme="1"/>
        <rFont val="Calibri"/>
        <family val="2"/>
        <scheme val="minor"/>
      </rPr>
      <t xml:space="preserve">
Personas naturales que suscriban cualquier tipo de crédito de vivienda hipotecaria, consumo o comercial asociados con garantía hipotecaria o leasing habitacional/inmobiliario y/o leaseback,  incluyendo pero no limitado a los empleados del gobierno, fuerzas armadas y de policía, incluyendo personal activo, pensionados, uniformados y/o civiles y personal de DIJIN, SIJIN, INPEC, CTI, así como cualquier otra persona natural vinculada a cualquier entidad o institución del sector privado y oficial.
Representantes legales de una sociedad de responsabilidad limitada,  sociedad en comandita, sociedad de hecho y en general, aquellas cuya responsabilidad se delimita claramente en cabeza de un representante legal. 
Se incluye los casos en que la operación de crédito se haya hecho o se haga en cabeza de dos (2) o más personas, caso en el cual, el seguro se contratará para todas o para una de ellas, según lo determine el Banco y se realizará el pago de la prima respectiva para cada uno de ellos.
En ningún caso los deudores solidarios o codeudores asegurados, podrán estar con una cobertura inferior al cien por ciento (100%) del saldo insoluto de la deuda.
En caso de muerte simultánea de dos (2) o mas acreedores de un mismo crédito, la indemnización se realizará de manera proporcional al porcentaje de distribucion de la deuda y el saldo de la poíliza en cada uno a los beneficiarios de ley.</t>
    </r>
  </si>
  <si>
    <r>
      <rPr>
        <b/>
        <sz val="11"/>
        <color theme="1"/>
        <rFont val="Calibri"/>
        <family val="2"/>
        <scheme val="minor"/>
      </rPr>
      <t>Duración de la cobertura individual</t>
    </r>
    <r>
      <rPr>
        <sz val="11"/>
        <color theme="1"/>
        <rFont val="Calibri"/>
        <family val="2"/>
        <scheme val="minor"/>
      </rPr>
      <t xml:space="preserve">
Los seguros o pólizas individuales expedidas durante la vigencia de la contratación se encontrarán vigentes mientras exista obligación a cargo del deudor y hasta la cancelación total de la deuda, salvo decisión en contrario informada por escrito por parte del Banco.
Sin perjuicio de lo anterior, la cobertura individual de cada seguro para los “Créditos” o “Leasing”, comenzará en los siguientes eventos: 
a)	A partir de la fecha y hora señalados en la casilla “Inicio de vigencia” del numeral 2. CRONOGRAMA del presente Capítulo, estarán cubiertos todos los créditos vigentes u originados por el Banco con anterioridad a la fecha señalada, sin restricciones o requisitos de asegurabilidad o condiciones de cualquier tipo por parte de la adjudicataria.
b)	A partir de la fecha y hora del desembolso de cada “Crédito” o “Leasing” nuevo u originado por el Banco y en los eventos que los deudores hubieran aceptado la inclusión en vigencia de la presente contratación, sin restricciones o requisitos de asegurabilidad o condiciones de cualquier tipo por parte de la adjudicataria hasta el amparo automático establecido en el Anexo No. 4.1 – Slip Técnico. En todo caso para aquellos riesgos que superen el valor del amparo automático, la Compañía Aseguradora adjudicataria deberá otorgar la cobertura en las condiciones indicadas en el Anexo No. 4.1 – Slip Técnico.
c)	A partir de la fecha de inclusión automática por vencimiento de endoso (se refiere a clientes que no aceptaron la inclusión dentro de la póliza colectiva y que presentaron una póliza emitida por otra aseguradora, en la originación o en cualquier momento durante la vigencia de un “Crédito” o “Leasing”),  para los “Créditos” o “Leasing” activos u originados por el Banco en vigencia de la presente contratación, sin restricciones o requisitos de asegurabilidad o condiciones de cualquier tipo por parte de la adjudicataria.
d)	A partir de la fecha de inclusión automática por compra de cartera masiva a cualquier título a otro acreedor, o por futuras operaciones que el Banco pueda realizar para la adquisición o creación de nuevas carteras, sea entidad vigilada por la Superintendencia Financiera de Colombia, o no, sin restricciones o requisitos de asegurabilidad o condiciones de cualquier tipo por parte de la adjudicataria.</t>
    </r>
  </si>
  <si>
    <r>
      <rPr>
        <b/>
        <sz val="11"/>
        <color theme="1"/>
        <rFont val="Calibri"/>
        <family val="2"/>
        <scheme val="minor"/>
      </rPr>
      <t>Amparo Automático</t>
    </r>
    <r>
      <rPr>
        <sz val="11"/>
        <color theme="1"/>
        <rFont val="Calibri"/>
        <family val="2"/>
        <scheme val="minor"/>
      </rPr>
      <t xml:space="preserve">
La Aseguradora adjudicataria, garantiza a todos los nuevos deudores del Banco que contarán con amparo automáticamente para aquellos créditos donde se solicite hasta un monto máximo de Setecientos millones de pesos (COP$700.000.000) por crédito o leasing, sin requisito alguno de asegurabilidad y dando cobertura de preexistencias hasta el mismo monto, tanto para la cobertura del amparo básico de vida como de incapacidad total y permanente.
A partir de Setecientos millones un peso (COP$700.000.001) y hasta Ochocientos millones de pesos (COP$800.000.000), el deudor queda asegurado automáticamente mediante el diligenciamiento de la solicitud de seguro y sin aplicarse requisitos adicionales. Para los casos en los cuales se declare enfermedad, aplicarán exámenes médicos. 
Estos requisitos se encuentran en la condición detallado en el titulo "Requisitos de asegurabilidad"
NOTA 1: Si pasados noventa (90) días del inicio del amparo automático no se completan los requisitos de asegurabiliad respectivos, quedará amparado el deudor hasta el monto máximo del amparo automático COP$700.000.000.
NOTA 2: Las condiciones del Amparo Automático y Requisitos de Asegurabilidad de que trata el presente slip, aplicarán en todos los casos aún y cuando el deudor haya sido calificado en el pasado y/o le hayan otorgado un crédito(s) anterior(es) al inicio de vigencia de la presente póliza. La Compañia Aseguradora Adjudicataria, garantizará que bajo este supuesto, no exigirá requisitos de asegurabilidad adicionales ni extraprimará a los deudores ya que se adhieren a las condiciones actuales de Amparo Automático y Requisitos de Asegurabilidad. </t>
    </r>
  </si>
  <si>
    <r>
      <rPr>
        <b/>
        <sz val="11"/>
        <color theme="1"/>
        <rFont val="Calibri"/>
        <family val="2"/>
        <scheme val="minor"/>
      </rPr>
      <t>Continuidad de Cobertura</t>
    </r>
    <r>
      <rPr>
        <sz val="11"/>
        <color theme="1"/>
        <rFont val="Calibri"/>
        <family val="2"/>
        <scheme val="minor"/>
      </rPr>
      <t xml:space="preserve">
La Aseguradora Adjudicataria garantiza otorgar la continuidad de la cobertura sin exigencia del cumplimiento de los requisitos de asegurabilidad para los deudores con créditos hipotecarios y/o contrato de leasing habitacional vigentes en el momento de la expedición de la póliza, sin ningún tipo de limitaciones en sus condiciones de salud, edad, valores asegurados y sin imponer exigencias adicionales. La continuidad de cobertura implica que cualquier enfermedad, tratamiento o lesión que se haya diagnosticado o presentado durante el período de cobertura, no será considerada como pre existente, y en caso de presentarse alguna reclamación por siniestro, no habrá lugar a objeción por parte de la aseguradora.</t>
    </r>
  </si>
  <si>
    <r>
      <rPr>
        <b/>
        <sz val="11"/>
        <color theme="1"/>
        <rFont val="Calibri"/>
        <family val="2"/>
        <scheme val="minor"/>
      </rPr>
      <t xml:space="preserve">Exámenes médicos
</t>
    </r>
    <r>
      <rPr>
        <sz val="11"/>
        <color theme="1"/>
        <rFont val="Calibri"/>
        <family val="2"/>
        <scheme val="minor"/>
      </rPr>
      <t xml:space="preserve">
La aseguradora adjudicataria garantizará la adecuada prestación de este servicio de manera presencial, a domicilio o virtual en las ciudades donde el Banco tenga presencia a nivel nacional y sin restricción alguna, indicando el proceso y la red de centros médicos en donde los clientes deudores del Banco puedan practicarse los exámenes médicos cuando estos sean exigidos por la aseguradora. En todo caso la aseguradora asumirá los costos de los mismos y deberá entregar al Banco el proceso correspondiente.
El Costo de cualquier examen médico adicional a los establecidos en la tabla de requisitos de asegurabilidad y sea requerido por la aseguradora, será asumido en su totalidad por la Aseguradora.
En los eventos que preexista un examen o calificación médica vigente de un deudor  generada en razón de otro proceso de contratación, o licitación adjudicada a otra aseguradora,  la Aseguradora adjudicataria deberá aceptar tal examen, por lo tanto, no exigirá exámenes médicos adicionales. Se entenderá que una calificación o examen se encuentra vigente si ha sido expedido dentro de los doce (12) meses anteriores a la originación o desembolso del “Crédito” o “Leasing” a ser asegurado por la aseguradora adjudicataria.
La Calificación Médica deberá ser entregada al Banco máximo dentro de los dos (2) días hábiles siguientes a la practica de los exámenes médicos. En caso de requerirse consultas facultativas por superar los montos de cobertura autorizados, el tiempo de respuesta al Banco no podrá ser superior a cuatro (4) días hábiles.
Una vez realizados los exámenes médicos por parte de la aseguradora, estos tendrán una vigencia mínima de doce (12) meses.</t>
    </r>
  </si>
  <si>
    <r>
      <rPr>
        <b/>
        <sz val="11"/>
        <color theme="1"/>
        <rFont val="Calibri"/>
        <family val="2"/>
        <scheme val="minor"/>
      </rPr>
      <t>Condiciones adicionales de vinculación</t>
    </r>
    <r>
      <rPr>
        <sz val="11"/>
        <color theme="1"/>
        <rFont val="Calibri"/>
        <family val="2"/>
        <scheme val="minor"/>
      </rPr>
      <t xml:space="preserve">
Que en los casos en que, por el monto del crédito y edad del cliente deudor según los requisitos de asegurabilidad indicados en este Anexo, se requiera la práctica de exámenes médicos, estos serán suficientes para otorgar la calificación de aseguramiento y en ningún caso, se exigirán exámenes, cuestionarios, historias clínicas o cualquier otro documento adicional a los exámenes médicos ya practicados por la Compañía Aseguradora Adjudicataria. Se incluyen los casos en los que el cliente por cualquier razón no indique su estado real de salud en el formato de solicitud del seguro.
La Compañía Aseguradora adjudicataria acepta el formato de solicitud de seguro que se encuentra dentro de la solicitud de crédito del Banco y por tal motivo, no solicitará al cliente información adicional como talla, peso o cuestionarios adicionales a las dos preguntas que actualmente ya se realizan:
¿Padece o a padecido alguna enfermedad?	Si:__ No:__ Cual?_____________
¿Toma actualmente algún medicamento?	Si:__ No:__ Cual?_____________</t>
    </r>
  </si>
  <si>
    <r>
      <rPr>
        <b/>
        <sz val="11"/>
        <color theme="1"/>
        <rFont val="Calibri"/>
        <family val="2"/>
        <scheme val="minor"/>
      </rPr>
      <t xml:space="preserve">Cobro y Pago de la Prima
</t>
    </r>
    <r>
      <rPr>
        <sz val="11"/>
        <color theme="1"/>
        <rFont val="Calibri"/>
        <family val="2"/>
        <scheme val="minor"/>
      </rPr>
      <t xml:space="preserve">
El cobro de las primas será realizado de forma mensual o en la periodicidad correspondiente por el Banco o por el tercero que este designe.
El Banco suministrará a la Compañía Aseguradora de forma diaria, la información correspondiente a desembolsos nuevos y/o emisiones, a través de archivo plano y mediante canal seguro FTPS, VPN o similar que para este fin defina el Banco y que se informará al momento de adelantar la implementación de esta licitación.
El Banco suministrara a la Compañía Aseguradora dentro de los primeros quince (15) días hábiles del mes, la información correspondiente a las primas de seguros generadas, sobre el total de riesgos asegurados del mes inmediatamente anterior para que realice la respectiva cuenta de cobro.
Una vez la aseguradora adjudicataria, expida y entregue la cuenta de cobro, el Banco realizará la liquidación y pago de las primas de seguro recaudadas máximo el día veinticinco (25) del mismo mes, mediante consignación directa a la cuenta de ahorros o corriente que la Compañía Aseguradora adjudicataria abrirá para tal efecto en la sucursal del Banco que esta determine. De manera simultánea y posterior a la consignación de estos recursos, el Banco realizará el cobro de la tarifa por el servicio de recaudo de las primas incluido el IVA.
Si después de cinco (5) días hábiles de haber recibido el archivo correspondiente a los pagos mensuales, no se reciben comentarios o solicitudes por diferencias, se da por hecho la aceptación del pago.</t>
    </r>
  </si>
  <si>
    <r>
      <rPr>
        <b/>
        <sz val="11"/>
        <color theme="1"/>
        <rFont val="Calibri"/>
        <family val="2"/>
        <scheme val="minor"/>
      </rPr>
      <t xml:space="preserve">Definición de Fecha de Siniestro
</t>
    </r>
    <r>
      <rPr>
        <sz val="11"/>
        <color theme="1"/>
        <rFont val="Calibri"/>
        <family val="2"/>
        <scheme val="minor"/>
      </rPr>
      <t xml:space="preserve">
La fecha del siniestro es la fecha de ocurrencia del mismo, así:
Cobertura Básica: Fecha de muerte del asegurado o la fecha de declaratoria de la muerte presunta en caso de desaparecimiento.
ITP: Fecha de estructuración de la incapacidad. </t>
    </r>
  </si>
  <si>
    <r>
      <rPr>
        <b/>
        <sz val="11"/>
        <color theme="1"/>
        <rFont val="Calibri"/>
        <family val="2"/>
        <scheme val="minor"/>
      </rPr>
      <t xml:space="preserve">Documentación para la radicación del pago de siniestro. </t>
    </r>
    <r>
      <rPr>
        <sz val="11"/>
        <color theme="1"/>
        <rFont val="Calibri"/>
        <family val="2"/>
        <scheme val="minor"/>
      </rPr>
      <t xml:space="preserve">
Teniendo en cuenta lo dispuesto por el artículo 1077 del Código de Comercio y los literales a y d del artículo 11 de la Ley 1328 de 2009 el asegurado tendrá plena libertad probatoria para escoger cualquiera de los medios probatorios permitidos por la ley, siempre y cuando el elegido sea idóneo, conducente y pertinente para demostrar claramente tales hechos. Teniendo en cuenta lo anterior, a continuación se sugiere una lista de documentos para efecto de adelantar el trámite correspondiente al pago de indemnizaciones.
</t>
    </r>
    <r>
      <rPr>
        <b/>
        <sz val="11"/>
        <color theme="1"/>
        <rFont val="Calibri"/>
        <family val="2"/>
        <scheme val="minor"/>
      </rPr>
      <t>- Para Todas las Coberturas:</t>
    </r>
    <r>
      <rPr>
        <sz val="11"/>
        <color theme="1"/>
        <rFont val="Calibri"/>
        <family val="2"/>
        <scheme val="minor"/>
      </rPr>
      <t xml:space="preserve">
* Certificación que emitirá el Banco, donde se especifique el saldo insoluto de la deuda a la fecha de la ocurrencia del siniestro, incluyendo capital, intereses corrientes, intereses de mora, gastos y honorarios de cobranza, primas de seguro, y cualquier otra suma a cargo del deudor relacionada con la operación de crédito.
* Solicitud individual de seguro y declaración de estado de salud, debidamente diligenciada para los siniestros superiores a $600.000.001. 
</t>
    </r>
    <r>
      <rPr>
        <b/>
        <sz val="11"/>
        <color theme="1"/>
        <rFont val="Calibri"/>
        <family val="2"/>
        <scheme val="minor"/>
      </rPr>
      <t>- En Caso de Muerte:</t>
    </r>
    <r>
      <rPr>
        <sz val="11"/>
        <color theme="1"/>
        <rFont val="Calibri"/>
        <family val="2"/>
        <scheme val="minor"/>
      </rPr>
      <t xml:space="preserve">
* Fotocopia  simple del Registro Civil de Defunción, o Certificado expedido por Notaria Público, o Certificado de cancelación de cédula por muerte expedido por la Registraduría.
* Para los casos de muerte presunta por desaparecimiento o desaparición forzada (secuestro), el Banco tendrá en cuenta lo dispuesto en el Artículo 1145 del Código de Comercio.
* Para los beneficiarios designados copia del documento de identificación</t>
    </r>
  </si>
  <si>
    <r>
      <rPr>
        <b/>
        <sz val="11"/>
        <color theme="1"/>
        <rFont val="Calibri"/>
        <family val="2"/>
        <scheme val="minor"/>
      </rPr>
      <t xml:space="preserve"> - En Caso de Incapacidad Total y Permanente:
</t>
    </r>
    <r>
      <rPr>
        <sz val="11"/>
        <color theme="1"/>
        <rFont val="Calibri"/>
        <family val="2"/>
        <scheme val="minor"/>
      </rPr>
      <t xml:space="preserve">* Calificación de la pérdida de capacidad Laboral  en firme emitido por la Junta de calificación de Invalidez regional o Nacional, o por las entidades del sistema de Seguridad Social  </t>
    </r>
    <r>
      <rPr>
        <b/>
        <sz val="11"/>
        <color theme="1"/>
        <rFont val="Calibri"/>
        <family val="2"/>
        <scheme val="minor"/>
      </rPr>
      <t>(</t>
    </r>
    <r>
      <rPr>
        <sz val="11"/>
        <color theme="1"/>
        <rFont val="Calibri"/>
        <family val="2"/>
        <scheme val="minor"/>
      </rPr>
      <t>EPS, ARL, AFP</t>
    </r>
    <r>
      <rPr>
        <b/>
        <sz val="11"/>
        <color theme="1"/>
        <rFont val="Calibri"/>
        <family val="2"/>
        <scheme val="minor"/>
      </rPr>
      <t>)</t>
    </r>
    <r>
      <rPr>
        <sz val="11"/>
        <color theme="1"/>
        <rFont val="Calibri"/>
        <family val="2"/>
        <scheme val="minor"/>
      </rPr>
      <t xml:space="preserve"> Las personas que hacen parte de regímenes especiales como son: magisterios, fuerzas militares o de policía, entre otros, deberán aportar como prueba de su ITP el dictamen emitido por la Junta Regional o Nacional de Calificación de Invalidez.  En todo caso los dictámenes deben determinar un porcentaje de perdida de capacidad laboral igual o superior al 50%. 
El costo de la calificación de invalidez emitida por la Junta Médica Regional o Nacional de Invalidez deberá ser asumido en aquellos casos en los que la Compañía Aseguradora adjudicataria lo exija en adición o con el fin de corroborar la calificación emitida por la EPS, ARL, AFP. Así mismo, la Aseguradora brindará asesoría y acompañamiento al deudor en el proceso y tramite de la calificación de invalidez de la Junta Médica Regional o Nacional de Invalidez, para lo cual destinará una línea de atención.</t>
    </r>
  </si>
  <si>
    <r>
      <rPr>
        <b/>
        <sz val="11"/>
        <color theme="1"/>
        <rFont val="Calibri"/>
        <family val="2"/>
        <scheme val="minor"/>
      </rPr>
      <t xml:space="preserve">Plazo para el pago de las indemnizaciones
</t>
    </r>
    <r>
      <rPr>
        <sz val="11"/>
        <color theme="1"/>
        <rFont val="Calibri"/>
        <family val="2"/>
        <scheme val="minor"/>
      </rPr>
      <t xml:space="preserve">
La aseguradora efectuará el pago de las indemnizaciones en un periodo no mayor a cinco (05) días hábiles siguientes, contados a partir de la fecha de la presentación de la totalidad de la documentación sugerida.</t>
    </r>
  </si>
  <si>
    <r>
      <rPr>
        <b/>
        <sz val="11"/>
        <color theme="1"/>
        <rFont val="Calibri"/>
        <family val="2"/>
        <scheme val="minor"/>
      </rPr>
      <t xml:space="preserve">Ampliación Aviso de Siniestro
</t>
    </r>
    <r>
      <rPr>
        <sz val="11"/>
        <color theme="1"/>
        <rFont val="Calibri"/>
        <family val="2"/>
        <scheme val="minor"/>
      </rPr>
      <t xml:space="preserve">
Noventa (90) días.</t>
    </r>
  </si>
  <si>
    <r>
      <rPr>
        <b/>
        <sz val="11"/>
        <color theme="1"/>
        <rFont val="Calibri"/>
        <family val="2"/>
        <scheme val="minor"/>
      </rPr>
      <t xml:space="preserve">Errores, inexactitudes u omisiones. 
</t>
    </r>
    <r>
      <rPr>
        <sz val="11"/>
        <color theme="1"/>
        <rFont val="Calibri"/>
        <family val="2"/>
        <scheme val="minor"/>
      </rPr>
      <t xml:space="preserve">
El tomador está obligado a declarar sinceramente los hechos y circunstancias que determinen el estado del riesgo.
Sin embargo, si por una omisión y o error involuntario por parte del tomador y/o asegurado no se reporten nuevos ingresos, variaciones en sumas aseguradas y/o cualquier otra modificación, la aseguradorá hará la revisión del caso, procediendo a realizar el ajuste de prima a que haya lugar y al pago de la correspondiente indemnización que correponda, en un todo de acuerdo a las condiciones generales y particulares establecidas en la presente póliza al momento del siniestro
En este caso se deberá pagar la prima adecuada al verdadero estado del riesgo.</t>
    </r>
  </si>
  <si>
    <r>
      <rPr>
        <b/>
        <sz val="11"/>
        <color theme="1"/>
        <rFont val="Calibri"/>
        <family val="2"/>
        <scheme val="minor"/>
      </rPr>
      <t xml:space="preserve">Principio de Causalidad
</t>
    </r>
    <r>
      <rPr>
        <sz val="11"/>
        <color theme="1"/>
        <rFont val="Calibri"/>
        <family val="2"/>
        <scheme val="minor"/>
      </rPr>
      <t xml:space="preserve">
En caso de inexactitud o reticencia del tomador y/o asegurado, la Compañía aplicará  las sanciones contempladas en el artículo 1058 del Código de Comercio y concordantes, respetando el principio de causalidad, es decir, solo se aplicaran tales sanciones en aquellos casos en que la afectación del amparo contratado se produzcan por casos relacionados directamente con los hechos materia de inexactitud o reticencia en la declaración de asegurabilidad.</t>
    </r>
  </si>
  <si>
    <r>
      <rPr>
        <b/>
        <sz val="11"/>
        <color theme="1"/>
        <rFont val="Calibri"/>
        <family val="2"/>
        <scheme val="minor"/>
      </rPr>
      <t xml:space="preserve">Conocimiento del riesgo
</t>
    </r>
    <r>
      <rPr>
        <sz val="11"/>
        <color theme="1"/>
        <rFont val="Calibri"/>
        <family val="2"/>
        <scheme val="minor"/>
      </rPr>
      <t xml:space="preserve">
La aseguradora manifiesta que conoce el riesgo y que partiendo de esta base ha hecho la tasación y ha establecido los términos y condiciones para la presentación de su propuesta.</t>
    </r>
  </si>
  <si>
    <r>
      <rPr>
        <b/>
        <sz val="11"/>
        <color theme="1"/>
        <rFont val="Calibri"/>
        <family val="2"/>
        <scheme val="minor"/>
      </rPr>
      <t>Requisitos de asegurabilidad</t>
    </r>
    <r>
      <rPr>
        <sz val="11"/>
        <color theme="1"/>
        <rFont val="Calibri"/>
        <family val="2"/>
        <scheme val="minor"/>
      </rPr>
      <t xml:space="preserve">
CCONVENCION DE REQUISITOS
Amparo automático  sin requisitos de asegurabilidad .
REQUISITO I: Solicitud individual de seguro y declaración de estado de salud firmado por el asegurado. Para los casos en los cuales se declare enfermedad alguna, aplicarán exámenes médicos.
REQUISITO II: Solicitud individual de seguro y declaración de estado de salud debidamente diligenciado y firmado por el asegurado, examen médico, parcial de orina y electrocardiograma 12 derivaciones.
REQUISITO III: Solicitud individual de seguro y declaración de estado de salud debidamente diligenciado y firmado por el asegurado, exámenes médicos, parcial de orina, electrocardiograma 12 derivaciones y laboratorios completos.
Es de anotar, que la aseguradora adjudicataria asumirá los costos de los exámenes médicos.</t>
    </r>
  </si>
  <si>
    <r>
      <rPr>
        <b/>
        <sz val="11"/>
        <color theme="1"/>
        <rFont val="Calibri"/>
        <family val="2"/>
        <scheme val="minor"/>
      </rPr>
      <t xml:space="preserve">Extraprimas
</t>
    </r>
    <r>
      <rPr>
        <sz val="11"/>
        <color theme="1"/>
        <rFont val="Calibri"/>
        <family val="2"/>
        <scheme val="minor"/>
      </rPr>
      <t xml:space="preserve">
Aplicación de extraprimas por estado de salud y/o condición física para nuevos desembolsos, la cartera vigente se debe migrar en igualdad de condiciones a la compañía adjudicataria. 
</t>
    </r>
  </si>
  <si>
    <r>
      <rPr>
        <b/>
        <sz val="11"/>
        <color theme="1"/>
        <rFont val="Calibri"/>
        <family val="2"/>
        <scheme val="minor"/>
      </rPr>
      <t xml:space="preserve">Aceptación de riesgos con Extraprima
</t>
    </r>
    <r>
      <rPr>
        <sz val="11"/>
        <color theme="1"/>
        <rFont val="Calibri"/>
        <family val="2"/>
        <scheme val="minor"/>
      </rPr>
      <t xml:space="preserve">
Para los riesgos con valor superior al amparo automático, la aseguradora en ningún caso podrá negar la cobertura a un deudor reportado por el Banco en razón a su condición médica.</t>
    </r>
  </si>
  <si>
    <r>
      <rPr>
        <b/>
        <sz val="11"/>
        <color theme="1"/>
        <rFont val="Calibri"/>
        <family val="2"/>
        <scheme val="minor"/>
      </rPr>
      <t>Diseño de arte para entrega de pólizas al Asegurado</t>
    </r>
    <r>
      <rPr>
        <sz val="11"/>
        <color theme="1"/>
        <rFont val="Calibri"/>
        <family val="2"/>
        <scheme val="minor"/>
      </rPr>
      <t xml:space="preserve">
La Aseguradora adjudicataria deberá presentar antes del inicio de vigencia  el modelo o ejemplar de póliza (certificado individual) y condicionado general que será remitido  a los clientes deudores del Banco, el cual debe ser aprobado previamente por el Banco. Este costo es asumido por la aseguradora.</t>
    </r>
  </si>
  <si>
    <r>
      <rPr>
        <b/>
        <sz val="11"/>
        <color theme="1"/>
        <rFont val="Calibri"/>
        <family val="2"/>
        <scheme val="minor"/>
      </rPr>
      <t>Bolsa de disposición para manejo comercial del banco.</t>
    </r>
    <r>
      <rPr>
        <sz val="11"/>
        <color theme="1"/>
        <rFont val="Calibri"/>
        <family val="2"/>
        <scheme val="minor"/>
      </rPr>
      <t xml:space="preserve">
Se establece una bolsa para pagos comerciales por parte del Banco, por un valor de Setecientos millones de pesos ($700.000.000) la cual estará destinada para los siguientes pagos, incluidos pero no limitados a: siniestros que sean objetados por cualquier causa de no cobertura, o por cualquier error en la información, el proceso, sistemas, que soportan la operación del Banco, u otra circunstancia contractual o legal que en principio facultaría a Compañía Aseguradora adjudicataria al no pago del siniestro, cambio de fecha de ocurrencia del siniestro de calificación a estructuración o viceversa en la cobertura de  incapacidad total y permanente, devolución comercial de primas de seguros y cualquier otro concepto o circunstancia que pueda generar afectación al patrimonio de los clientes, familiares o del Banco sin limitar este manejo a alguna retroactividad. 
El límite establecido para este amparo opera por cada anualidad, en caso de no agotarse totalmente en una sola anualidad será acumulable de una anualidad a otra. En caso de requerirse también se podrá anticipar la bolsa de la segunda anualidad. 
La Compañía Aseguradora adjudicataria deberá entregar mensualmente dentro de los diez (10) días calendario siguientes al cierre de cada mes, un reporte del uso de la(las) bolsa(s), con detalle de cada caso y saldos.</t>
    </r>
  </si>
  <si>
    <r>
      <rPr>
        <b/>
        <sz val="11"/>
        <color theme="1"/>
        <rFont val="Calibri"/>
        <family val="2"/>
        <scheme val="minor"/>
      </rPr>
      <t>Reporte de exclusiones o cambios de póliza</t>
    </r>
    <r>
      <rPr>
        <sz val="11"/>
        <color theme="1"/>
        <rFont val="Calibri"/>
        <family val="2"/>
        <scheme val="minor"/>
      </rPr>
      <t xml:space="preserve">
El Banco tendrá noventa (90) días calendario para reportar a la Aseguradora las exclusiones o cambios de pólizas internas o externas sin que se genere cobro alguno de prima a partir de la fecha que se reporte.  </t>
    </r>
  </si>
  <si>
    <r>
      <rPr>
        <b/>
        <sz val="11"/>
        <color theme="1"/>
        <rFont val="Calibri"/>
        <family val="2"/>
        <scheme val="minor"/>
      </rPr>
      <t xml:space="preserve">Clausula de Arbitramento
</t>
    </r>
    <r>
      <rPr>
        <sz val="11"/>
        <color theme="1"/>
        <rFont val="Calibri"/>
        <family val="2"/>
        <scheme val="minor"/>
      </rPr>
      <t xml:space="preserve">
La aseguradora, de una parte y el Asegurado - Banco de la otra, acuerdan someter a la decisión de tres (3) árbitros, todas las diferencias que se susciten en relación con el contrato de seguro a que se refiere la presente póliza, los árbitros serán nombrados de común acuerdo por las partes y, si ello no fuera posible se aplicará a lo dispuesto por la Ley 1563 de 2012. Los árbitros deberán decidir en derecho, el tribunal funcionará en la ciudad de Bogotá, D.C., y el término del proceso para los efectos del artículo 10 de la ley 1563 de 2012 será de seis (6) meses.</t>
    </r>
  </si>
  <si>
    <r>
      <rPr>
        <b/>
        <sz val="11"/>
        <color theme="1"/>
        <rFont val="Calibri"/>
        <family val="2"/>
        <scheme val="minor"/>
      </rPr>
      <t>Devolución de Primas de seguro:</t>
    </r>
    <r>
      <rPr>
        <sz val="11"/>
        <color theme="1"/>
        <rFont val="Calibri"/>
        <family val="2"/>
        <scheme val="minor"/>
      </rPr>
      <t xml:space="preserve">
La Compañía Aseguradora adjudicataria deberá realizar la devolución de primas por cualquiera de los conceptos indicados en el pliego de condiciones, sin límite de retroactividad, siempre y cuando corresponda a las vigencias en las cuales la Compañía Aseguradora otorgó cobertura.</t>
    </r>
  </si>
  <si>
    <r>
      <rPr>
        <b/>
        <sz val="11"/>
        <color theme="1"/>
        <rFont val="Calibri"/>
        <family val="2"/>
        <scheme val="minor"/>
      </rPr>
      <t xml:space="preserve">Cambio de ciclo
</t>
    </r>
    <r>
      <rPr>
        <sz val="11"/>
        <color theme="1"/>
        <rFont val="Calibri"/>
        <family val="2"/>
        <scheme val="minor"/>
      </rPr>
      <t xml:space="preserve">
En los casos en que el Banco realice cambios de ciclo de facturación en sus créditos por solicitud del cliente o por campañas, la aseguradora garantizara la cobertura hasta el nuevo vencimiento de la obligación sin cobro de prima a prorrata por los días adicionales de desplazamiento de la cobertura.</t>
    </r>
  </si>
  <si>
    <r>
      <rPr>
        <b/>
        <sz val="11"/>
        <color theme="1"/>
        <rFont val="Calibri"/>
        <family val="2"/>
        <scheme val="minor"/>
      </rPr>
      <t>Liquidación de primas y pago primer mes de transición</t>
    </r>
    <r>
      <rPr>
        <sz val="11"/>
        <color theme="1"/>
        <rFont val="Calibri"/>
        <family val="2"/>
        <scheme val="minor"/>
      </rPr>
      <t xml:space="preserve">
La Compañía Aseguradora adjudicataria deberá tener en cuenta que cada crédito objeto de esta licitación, tiene una vigencia mensual individual de acuerdo a su fecha de facturación, quiere decir que la liquidación y pago de la prima del seguro y el reconocimiento por los costos de administración y recaudo del primer mes de la nueva contratación, se realizará una vez culmine la vigencia individual mensual de cada crédito, respetándose las condiciones de la anterior adjudicación, la cual se pagará a la anterior Compañía Aseguradora. Lo anterior debido a que no es posible realizar cobros de prima y reconocimiento por los costos de administración y recaudo a prorrata, las primas del último mes de vigencia de la licitación anterior ya están liquidadas y facturadas al cliente y solo hasta el mes siguiente, podrá realizarse la liquidación con las nuevas condiciones adjudicadas.</t>
    </r>
  </si>
  <si>
    <r>
      <rPr>
        <b/>
        <sz val="11"/>
        <color theme="1"/>
        <rFont val="Calibri"/>
        <family val="2"/>
        <scheme val="minor"/>
      </rPr>
      <t xml:space="preserve">Notificación de Cancelaciones </t>
    </r>
    <r>
      <rPr>
        <sz val="11"/>
        <color theme="1"/>
        <rFont val="Calibri"/>
        <family val="2"/>
        <scheme val="minor"/>
      </rPr>
      <t xml:space="preserve">
Para los casos de cancelación  anticipada de la cobertura incluyendo pero no limitado a: cancelaciones anticipadas de crédito, cancelación  por vencimiento de créditos, cancelaciones por castigos de crédito, cancelaciones por siniestros de incapacidad total, diferentes a  la cancelación del crédito por pago anticipado y terminación de la deuda, la aseguradora adjudicataria deberá notificar al cliente o asegurado a través de comunicación escrita la finalización de la cobertura, llevará un reporte de éstas entregas y deberá custodiar las pruebas correspondientes.</t>
    </r>
  </si>
  <si>
    <r>
      <rPr>
        <b/>
        <sz val="11"/>
        <color theme="1"/>
        <rFont val="Calibri"/>
        <family val="2"/>
        <scheme val="minor"/>
      </rPr>
      <t xml:space="preserve">Cláusula de Inclusión Automática de Endosos Vencidos
</t>
    </r>
    <r>
      <rPr>
        <sz val="11"/>
        <color theme="1"/>
        <rFont val="Calibri"/>
        <family val="2"/>
        <scheme val="minor"/>
      </rPr>
      <t xml:space="preserve">
Si un cliente deudor no respalda su crédito con el endoso, el Banco lo incluirá de manera automática en la póliza colectiva,  con retroactividad máxima al inicio de vigencia siempre y cuando corresponda a las vigencias en las cuales la Compañía Aseguradora otorgó cobertura, obligándose la Aseguradora adjudicataria a otorgar cobertura sin exigir requisito alguno de asegurabilidad, incluyendo, sin salvedad alguna,  los riesgos previamente valorados por la aseguradora adjudicataria en cualquier momento, incluyendo los riesgos con o sin extra prima. La vigencia iniciará a partir de la fecha de inclusión en la póliza.</t>
    </r>
  </si>
  <si>
    <r>
      <rPr>
        <b/>
        <sz val="11"/>
        <color theme="1"/>
        <rFont val="Calibri"/>
        <family val="2"/>
        <scheme val="minor"/>
      </rPr>
      <t>Compromiso</t>
    </r>
    <r>
      <rPr>
        <sz val="11"/>
        <color theme="1"/>
        <rFont val="Calibri"/>
        <family val="2"/>
        <scheme val="minor"/>
      </rPr>
      <t xml:space="preserve">
- Los términos y condiciones del presente slip técnico son condiciones mínimas exigibles por el Banco, las cuales deberán quedar consignadas en su totalidad dentro de la emisión de la póliza. 
- La tasa de prima mensual del seguro no podrá modificarse durante la vigencia del contrato.
- Garantía de no modificación de condiciones para los nuevos ingresos en la presente póliza colectiva durante la vigencia del crédito
- La compañía Adjudicataria por medio de la presentación de su oferta se compromete a cumplir en forma integral, incondicional y sin salvedad alguna, la totalidad de las anteriores condiciones, desde el inicio y durante la vigencia de la adjudicación en los términos de la licitación.</t>
    </r>
  </si>
  <si>
    <r>
      <rPr>
        <b/>
        <sz val="11"/>
        <color theme="1"/>
        <rFont val="Calibri"/>
        <family val="2"/>
        <scheme val="minor"/>
      </rPr>
      <t>Amparo básico de Vida</t>
    </r>
    <r>
      <rPr>
        <sz val="11"/>
        <color theme="1"/>
        <rFont val="Calibri"/>
        <family val="2"/>
        <scheme val="minor"/>
      </rPr>
      <t xml:space="preserve">
Edad Mínima de ingreso: 18 años
Edad Máxima de ingreso: 74 años y 364 días
Edad Máxima de permanencia: Ilimitada</t>
    </r>
  </si>
  <si>
    <r>
      <rPr>
        <b/>
        <sz val="11"/>
        <color theme="1"/>
        <rFont val="Calibri"/>
        <family val="2"/>
        <scheme val="minor"/>
      </rPr>
      <t>Incapacidad Total y Permanente</t>
    </r>
    <r>
      <rPr>
        <sz val="11"/>
        <color theme="1"/>
        <rFont val="Calibri"/>
        <family val="2"/>
        <scheme val="minor"/>
      </rPr>
      <t xml:space="preserve">
Edad Mínima de ingreso: 18 años
Edad Máxima de ingreso: 74 años y 364 días
Edad Máxima de permanencia: Ilimitada</t>
    </r>
  </si>
  <si>
    <r>
      <rPr>
        <b/>
        <sz val="11"/>
        <color theme="1"/>
        <rFont val="Calibri"/>
        <family val="2"/>
        <scheme val="minor"/>
      </rPr>
      <t xml:space="preserve">Clausulado Aplicable
</t>
    </r>
    <r>
      <rPr>
        <sz val="11"/>
        <color theme="1"/>
        <rFont val="Calibri"/>
        <family val="2"/>
        <scheme val="minor"/>
      </rPr>
      <t xml:space="preserve">
Cada Aseguradora deberá indicar clausulado aplicable.</t>
    </r>
  </si>
  <si>
    <r>
      <rPr>
        <b/>
        <sz val="11"/>
        <color theme="1"/>
        <rFont val="Calibri"/>
        <family val="2"/>
        <scheme val="minor"/>
      </rPr>
      <t xml:space="preserve">No exclusión de asegurabilidad por actividad del asegurado.
</t>
    </r>
    <r>
      <rPr>
        <sz val="11"/>
        <color theme="1"/>
        <rFont val="Calibri"/>
        <family val="2"/>
        <scheme val="minor"/>
      </rPr>
      <t xml:space="preserve">
Queda entendido, convenido y aceptado, que el proponente no restringirá el aseguramiento a cualquier persona por su actividad comercial y/o profesional. Por lo tanto el proponente confirma la aceptación de la totalidad de los asegurados reportados por el tomador sin aplicación de extra primas o recargos adicionales por su asegurabilidad.</t>
    </r>
  </si>
  <si>
    <r>
      <rPr>
        <b/>
        <sz val="11"/>
        <color theme="1"/>
        <rFont val="Calibri"/>
        <family val="2"/>
        <scheme val="minor"/>
      </rPr>
      <t xml:space="preserve">Límite agregado de responsabilidad por eventos catastróficos
</t>
    </r>
    <r>
      <rPr>
        <sz val="11"/>
        <color theme="1"/>
        <rFont val="Calibri"/>
        <family val="2"/>
        <scheme val="minor"/>
      </rPr>
      <t xml:space="preserve">
Sin límite por evento o vigencia.</t>
    </r>
  </si>
  <si>
    <r>
      <rPr>
        <b/>
        <sz val="11"/>
        <color theme="1"/>
        <rFont val="Calibri"/>
        <family val="2"/>
        <scheme val="minor"/>
      </rPr>
      <t xml:space="preserve">Modificaciones a favor del asegurado. 
</t>
    </r>
    <r>
      <rPr>
        <sz val="11"/>
        <color theme="1"/>
        <rFont val="Calibri"/>
        <family val="2"/>
        <scheme val="minor"/>
      </rPr>
      <t xml:space="preserve">
El proponente conoce y acepta que bajo esta cláusula, no se aceptan cambios o modificaciones a las condiciones de la presente póliza por parte unilateral de la aseguradora, salvo que, estas sean más beneficiosas al asegurado y/o beneficiario y siempre que estas sean aceptadas expresamente por parte del Tomador del seguro.</t>
    </r>
  </si>
  <si>
    <r>
      <rPr>
        <b/>
        <sz val="11"/>
        <color theme="1"/>
        <rFont val="Calibri"/>
        <family val="2"/>
        <scheme val="minor"/>
      </rPr>
      <t xml:space="preserve">Cláusula de aplicación de condiciones particulares.
</t>
    </r>
    <r>
      <rPr>
        <sz val="11"/>
        <color theme="1"/>
        <rFont val="Calibri"/>
        <family val="2"/>
        <scheme val="minor"/>
      </rPr>
      <t xml:space="preserve">
Queda expresamente acordado y convenido, que el proponente acepta las condiciones básicas técnicas establecidas en este anexo en los términos señalados en el mismo, por lo tanto, en caso de existir discrepancia ente los ofrecimientos contenidos en la propuesta técnica básica, frente a los textos de los ejemplares de las pólizas, certificados, anexos o cualquier otro documento; prevalecerá la información y condiciones básicas técnicas establecidas.</t>
    </r>
  </si>
  <si>
    <r>
      <rPr>
        <b/>
        <sz val="11"/>
        <color theme="1"/>
        <rFont val="Calibri"/>
        <family val="2"/>
        <scheme val="minor"/>
      </rPr>
      <t>Cláusula de imposibilidad de revocatoria unilateral</t>
    </r>
    <r>
      <rPr>
        <sz val="11"/>
        <color theme="1"/>
        <rFont val="Calibri"/>
        <family val="2"/>
        <scheme val="minor"/>
      </rPr>
      <t xml:space="preserve">
Los Oferentes admisibles no podrán revocar unilateralmente la póliza que se expida en virtud del presente proceso de licitación de que trata el artículo 1071 del Código de Comercio por parte de la Compañía Aseguradora</t>
    </r>
  </si>
  <si>
    <r>
      <rPr>
        <b/>
        <sz val="11"/>
        <color theme="1"/>
        <rFont val="Calibri"/>
        <family val="2"/>
        <scheme val="minor"/>
      </rPr>
      <t xml:space="preserve">Vida (muerte por cualquier causa)
</t>
    </r>
    <r>
      <rPr>
        <sz val="11"/>
        <color theme="1"/>
        <rFont val="Calibri"/>
        <family val="2"/>
        <scheme val="minor"/>
      </rPr>
      <t>Sin exclusiones
En caso de aplicar exclusiones por contrato de reaseguro y que apliquen a condiciones generales como Fisión, Fusión, Guerra u otra básica, estas deberán enlistarse en documento adicional a su oferta. La no presentación de esta relación dará por aceptado de parte de la aseguradora que no aplicará exclusión a los amparos.
Solo seran aplicables las exclusiones indicadas en las condiciones partículares por lo cual se levantan todas aquellas que se encuentran en los condicionados generales aplicables.</t>
    </r>
  </si>
  <si>
    <r>
      <rPr>
        <b/>
        <sz val="11"/>
        <color theme="1"/>
        <rFont val="Calibri"/>
        <family val="2"/>
        <scheme val="minor"/>
      </rPr>
      <t xml:space="preserve">Incapacidad Total y Permanente
</t>
    </r>
    <r>
      <rPr>
        <sz val="11"/>
        <color theme="1"/>
        <rFont val="Calibri"/>
        <family val="2"/>
        <scheme val="minor"/>
      </rPr>
      <t>Sin exclusiones
En caso de aplicar exclusiones por contrato de reaseguro y que apliquen a condiciones generales como Fisión, Fusión, Guerra u otra básica, estas deberán enlistarse en documento adicional a su oferta. La no presentación de esta relación dará por aceptado de parte de la aseguradora que no aplicará exclusión a los amparos.
Solo seran aplicables las exclusione indicadas en las condiciones partículares por lo cual se levantan todas aquellas que se encuentran en los condicionados generales aplicables.</t>
    </r>
  </si>
  <si>
    <r>
      <rPr>
        <b/>
        <sz val="11"/>
        <color theme="1"/>
        <rFont val="Calibri"/>
        <family val="2"/>
        <scheme val="minor"/>
      </rPr>
      <t>Máximo valor asegurado individual</t>
    </r>
    <r>
      <rPr>
        <sz val="11"/>
        <color theme="1"/>
        <rFont val="Calibri"/>
        <family val="2"/>
        <scheme val="minor"/>
      </rPr>
      <t xml:space="preserve">
El máximo valor asegurado por persona en uno o varios créditos asociados a garantía hipotecaria, Leasing habitacional y/o leaseback o todo riesgo construcción será de dos mil millones de pesos (COP$2.000.000.000).</t>
    </r>
  </si>
  <si>
    <r>
      <rPr>
        <b/>
        <sz val="11"/>
        <color theme="1"/>
        <rFont val="Calibri"/>
        <family val="2"/>
        <scheme val="minor"/>
      </rPr>
      <t>Extensión de amparo a muerte presunta por desaparición</t>
    </r>
    <r>
      <rPr>
        <sz val="11"/>
        <color theme="1"/>
        <rFont val="Calibri"/>
        <family val="2"/>
        <scheme val="minor"/>
      </rPr>
      <t xml:space="preserve">
La indemnización en caso de muerte presunta por desaparecimiento, se efectuará máximo a los dos (2) años contados a partir de la fecha que se conoció la desaparición del asegurado. El pago de la misma solo se sujetará a la presentación de la sentencia debidamente ejecutoriada.</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_ [$€-2]\ * #,##0.00_ ;_ [$€-2]\ * \-#,##0.00_ ;_ [$€-2]\ * &quot;-&quot;??_ "/>
  </numFmts>
  <fonts count="18" x14ac:knownFonts="1">
    <font>
      <sz val="10"/>
      <color theme="1"/>
      <name val="Arial"/>
      <family val="2"/>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0"/>
      <name val="Arial"/>
      <family val="2"/>
    </font>
    <font>
      <sz val="11"/>
      <name val="Calibri"/>
      <family val="2"/>
      <scheme val="minor"/>
    </font>
    <font>
      <sz val="11"/>
      <color rgb="FFFF0000"/>
      <name val="Calibri"/>
      <family val="2"/>
      <scheme val="minor"/>
    </font>
    <font>
      <sz val="11"/>
      <color rgb="FF00B050"/>
      <name val="Calibri"/>
      <family val="2"/>
      <scheme val="minor"/>
    </font>
    <font>
      <sz val="11"/>
      <color theme="5"/>
      <name val="Calibri"/>
      <family val="2"/>
      <scheme val="minor"/>
    </font>
    <font>
      <b/>
      <sz val="11"/>
      <color rgb="FFFF0000"/>
      <name val="Calibri"/>
      <family val="2"/>
      <scheme val="minor"/>
    </font>
    <font>
      <b/>
      <sz val="11"/>
      <color theme="1"/>
      <name val="Calibri"/>
      <family val="2"/>
      <scheme val="minor"/>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34998626667073579"/>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double">
        <color theme="0"/>
      </bottom>
      <diagonal/>
    </border>
    <border>
      <left style="thin">
        <color indexed="64"/>
      </left>
      <right style="thin">
        <color indexed="64"/>
      </right>
      <top style="double">
        <color theme="0"/>
      </top>
      <bottom style="double">
        <color theme="0"/>
      </bottom>
      <diagonal/>
    </border>
    <border>
      <left style="thin">
        <color indexed="64"/>
      </left>
      <right style="thin">
        <color indexed="64"/>
      </right>
      <top style="double">
        <color theme="0" tint="-0.14996795556505021"/>
      </top>
      <bottom style="double">
        <color theme="0" tint="-0.14996795556505021"/>
      </bottom>
      <diagonal/>
    </border>
    <border>
      <left style="thin">
        <color indexed="64"/>
      </left>
      <right style="thin">
        <color indexed="64"/>
      </right>
      <top style="double">
        <color theme="0" tint="-0.14996795556505021"/>
      </top>
      <bottom/>
      <diagonal/>
    </border>
    <border>
      <left style="thin">
        <color indexed="64"/>
      </left>
      <right style="thin">
        <color indexed="64"/>
      </right>
      <top/>
      <bottom style="double">
        <color theme="0" tint="-0.14996795556505021"/>
      </bottom>
      <diagonal/>
    </border>
    <border>
      <left style="thin">
        <color indexed="64"/>
      </left>
      <right style="thin">
        <color indexed="64"/>
      </right>
      <top/>
      <bottom/>
      <diagonal/>
    </border>
  </borders>
  <cellStyleXfs count="3">
    <xf numFmtId="0" fontId="0" fillId="0" borderId="0"/>
    <xf numFmtId="164" fontId="11" fillId="0" borderId="0" applyNumberFormat="0" applyFill="0" applyBorder="0" applyAlignment="0" applyProtection="0"/>
    <xf numFmtId="0" fontId="11" fillId="0" borderId="0"/>
  </cellStyleXfs>
  <cellXfs count="40">
    <xf numFmtId="0" fontId="0" fillId="0" borderId="0" xfId="0"/>
    <xf numFmtId="0" fontId="10" fillId="2" borderId="0" xfId="0" applyFont="1" applyFill="1"/>
    <xf numFmtId="0" fontId="10" fillId="2" borderId="0" xfId="0" applyFont="1" applyFill="1" applyAlignment="1">
      <alignment wrapText="1"/>
    </xf>
    <xf numFmtId="164" fontId="12" fillId="0" borderId="0" xfId="1" applyFont="1" applyBorder="1" applyAlignment="1">
      <alignment horizontal="left" vertical="center" wrapText="1"/>
    </xf>
    <xf numFmtId="0" fontId="12" fillId="2" borderId="0" xfId="0" applyFont="1" applyFill="1" applyAlignment="1">
      <alignment vertical="center"/>
    </xf>
    <xf numFmtId="0" fontId="9" fillId="2" borderId="0" xfId="0" applyFont="1" applyFill="1" applyAlignment="1">
      <alignment horizontal="center" vertical="center"/>
    </xf>
    <xf numFmtId="164" fontId="12" fillId="0" borderId="0" xfId="1" applyFont="1" applyFill="1" applyBorder="1" applyAlignment="1">
      <alignment horizontal="left" vertical="center" wrapText="1"/>
    </xf>
    <xf numFmtId="0" fontId="10" fillId="0" borderId="0" xfId="0" applyFont="1"/>
    <xf numFmtId="0" fontId="10" fillId="0" borderId="0" xfId="0" applyFont="1" applyAlignment="1">
      <alignment horizontal="center" vertical="center"/>
    </xf>
    <xf numFmtId="0" fontId="9" fillId="0" borderId="0" xfId="0" applyFont="1" applyAlignment="1">
      <alignment horizontal="center" vertical="center"/>
    </xf>
    <xf numFmtId="164" fontId="12" fillId="0" borderId="0" xfId="1" applyFont="1" applyFill="1" applyBorder="1" applyAlignment="1">
      <alignment horizontal="left" vertical="top" wrapText="1"/>
    </xf>
    <xf numFmtId="0" fontId="14" fillId="0" borderId="0" xfId="0" applyFont="1" applyAlignment="1">
      <alignment vertical="center"/>
    </xf>
    <xf numFmtId="0" fontId="8" fillId="0" borderId="0" xfId="0" applyFont="1" applyAlignment="1">
      <alignment horizontal="center" vertical="center"/>
    </xf>
    <xf numFmtId="0" fontId="12" fillId="0" borderId="0" xfId="0" applyFont="1" applyAlignment="1">
      <alignment vertical="center" wrapText="1"/>
    </xf>
    <xf numFmtId="0" fontId="6" fillId="0" borderId="0" xfId="0" applyFont="1" applyAlignment="1">
      <alignment horizontal="center" vertical="center" wrapText="1"/>
    </xf>
    <xf numFmtId="0" fontId="13" fillId="0" borderId="0" xfId="0" applyFont="1" applyAlignment="1">
      <alignment vertical="center" wrapText="1"/>
    </xf>
    <xf numFmtId="0" fontId="5" fillId="0" borderId="0" xfId="0" applyFont="1" applyAlignment="1">
      <alignment horizontal="center" vertical="center"/>
    </xf>
    <xf numFmtId="0" fontId="15" fillId="0" borderId="0" xfId="0" applyFont="1" applyAlignment="1">
      <alignment vertical="top" wrapText="1"/>
    </xf>
    <xf numFmtId="0" fontId="15" fillId="0" borderId="0" xfId="0" applyFont="1" applyAlignment="1">
      <alignment vertical="center" wrapText="1"/>
    </xf>
    <xf numFmtId="0" fontId="8" fillId="0" borderId="0" xfId="0" applyFont="1" applyAlignment="1">
      <alignment horizontal="center" vertical="center" wrapText="1"/>
    </xf>
    <xf numFmtId="0" fontId="7" fillId="0" borderId="0" xfId="0" applyFont="1" applyAlignment="1">
      <alignment horizontal="center" vertical="center"/>
    </xf>
    <xf numFmtId="0" fontId="17" fillId="4" borderId="2" xfId="2" applyFont="1" applyFill="1" applyBorder="1" applyAlignment="1">
      <alignment horizontal="center" vertical="center" wrapText="1"/>
    </xf>
    <xf numFmtId="0" fontId="17" fillId="4" borderId="3" xfId="2" applyFont="1" applyFill="1" applyBorder="1" applyAlignment="1">
      <alignment horizontal="center" vertical="center" wrapText="1"/>
    </xf>
    <xf numFmtId="0" fontId="17" fillId="3" borderId="3" xfId="2" applyFont="1" applyFill="1" applyBorder="1" applyAlignment="1">
      <alignment horizontal="left" vertical="center" wrapText="1"/>
    </xf>
    <xf numFmtId="164" fontId="4" fillId="0" borderId="4" xfId="1" applyFont="1" applyBorder="1" applyAlignment="1">
      <alignment horizontal="left" vertical="center" wrapText="1"/>
    </xf>
    <xf numFmtId="164" fontId="4" fillId="0" borderId="4" xfId="1" applyFont="1" applyFill="1" applyBorder="1" applyAlignment="1">
      <alignment horizontal="left" vertical="center" wrapText="1"/>
    </xf>
    <xf numFmtId="0" fontId="17" fillId="3" borderId="3" xfId="2" applyFont="1" applyFill="1" applyBorder="1" applyAlignment="1">
      <alignment horizontal="center" vertical="center" wrapText="1"/>
    </xf>
    <xf numFmtId="164" fontId="4" fillId="0" borderId="4" xfId="1" applyFont="1" applyBorder="1" applyAlignment="1">
      <alignment horizontal="left" vertical="top" wrapText="1"/>
    </xf>
    <xf numFmtId="164" fontId="4" fillId="0" borderId="5" xfId="1" applyFont="1" applyBorder="1" applyAlignment="1">
      <alignment horizontal="left" vertical="center" wrapText="1"/>
    </xf>
    <xf numFmtId="164" fontId="4" fillId="0" borderId="6" xfId="1" applyFont="1" applyBorder="1" applyAlignment="1">
      <alignment horizontal="left" vertical="center" wrapText="1"/>
    </xf>
    <xf numFmtId="164" fontId="4" fillId="0" borderId="7" xfId="1" applyFont="1" applyBorder="1" applyAlignment="1">
      <alignment horizontal="left" vertical="center" wrapText="1"/>
    </xf>
    <xf numFmtId="164" fontId="4" fillId="2" borderId="4" xfId="1" applyFont="1" applyFill="1" applyBorder="1" applyAlignment="1">
      <alignment horizontal="left" vertical="center" wrapText="1"/>
    </xf>
    <xf numFmtId="0" fontId="4" fillId="2" borderId="1" xfId="0" applyFont="1" applyFill="1" applyBorder="1" applyAlignment="1">
      <alignment horizontal="left" vertical="center" wrapText="1"/>
    </xf>
    <xf numFmtId="164" fontId="3" fillId="0" borderId="4" xfId="1" applyFont="1" applyBorder="1" applyAlignment="1">
      <alignment horizontal="left" vertical="center" wrapText="1"/>
    </xf>
    <xf numFmtId="164" fontId="3" fillId="0" borderId="5" xfId="1" applyFont="1" applyBorder="1" applyAlignment="1">
      <alignment horizontal="left" vertical="center" wrapText="1"/>
    </xf>
    <xf numFmtId="164" fontId="3" fillId="0" borderId="4" xfId="1" applyFont="1" applyFill="1" applyBorder="1" applyAlignment="1">
      <alignment horizontal="left" vertical="center" wrapText="1"/>
    </xf>
    <xf numFmtId="164" fontId="3" fillId="0" borderId="1" xfId="1" applyFont="1" applyBorder="1" applyAlignment="1">
      <alignment horizontal="left" vertical="center" wrapText="1"/>
    </xf>
    <xf numFmtId="164" fontId="2" fillId="0" borderId="4" xfId="1" applyFont="1" applyBorder="1" applyAlignment="1">
      <alignment horizontal="left" vertical="center" wrapText="1"/>
    </xf>
    <xf numFmtId="0" fontId="16" fillId="0" borderId="0" xfId="0" applyFont="1" applyAlignment="1">
      <alignment horizontal="center" vertical="center" wrapText="1"/>
    </xf>
    <xf numFmtId="0" fontId="13" fillId="0" borderId="0" xfId="0" applyFont="1" applyAlignment="1">
      <alignment horizontal="center" vertical="center"/>
    </xf>
  </cellXfs>
  <cellStyles count="3">
    <cellStyle name="Normal" xfId="0" builtinId="0"/>
    <cellStyle name="Normal 18 2" xfId="1" xr:uid="{00000000-0005-0000-0000-000001000000}"/>
    <cellStyle name="Normal 3 9"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1676399</xdr:colOff>
      <xdr:row>36</xdr:row>
      <xdr:rowOff>609599</xdr:rowOff>
    </xdr:from>
    <xdr:to>
      <xdr:col>1</xdr:col>
      <xdr:colOff>7918710</xdr:colOff>
      <xdr:row>36</xdr:row>
      <xdr:rowOff>1828800</xdr:rowOff>
    </xdr:to>
    <xdr:pic>
      <xdr:nvPicPr>
        <xdr:cNvPr id="7" name="Imagen 6">
          <a:extLst>
            <a:ext uri="{FF2B5EF4-FFF2-40B4-BE49-F238E27FC236}">
              <a16:creationId xmlns:a16="http://schemas.microsoft.com/office/drawing/2014/main" id="{D15FB39C-C85B-3AAC-DEB0-63AB095F905A}"/>
            </a:ext>
          </a:extLst>
        </xdr:cNvPr>
        <xdr:cNvPicPr>
          <a:picLocks noChangeAspect="1"/>
        </xdr:cNvPicPr>
      </xdr:nvPicPr>
      <xdr:blipFill>
        <a:blip xmlns:r="http://schemas.openxmlformats.org/officeDocument/2006/relationships" r:embed="rId1"/>
        <a:stretch>
          <a:fillRect/>
        </a:stretch>
      </xdr:blipFill>
      <xdr:spPr>
        <a:xfrm>
          <a:off x="2177142" y="56573056"/>
          <a:ext cx="6242311" cy="1219201"/>
        </a:xfrm>
        <a:prstGeom prst="rect">
          <a:avLst/>
        </a:prstGeom>
      </xdr:spPr>
    </xdr:pic>
    <xdr:clientData/>
  </xdr:twoCellAnchor>
</xdr:wsDr>
</file>

<file path=xl/theme/theme1.xml><?xml version="1.0" encoding="utf-8"?>
<a:theme xmlns:a="http://schemas.openxmlformats.org/drawingml/2006/main" name="Office 2013 - Tema de 2022">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D71"/>
  <sheetViews>
    <sheetView showGridLines="0" showRowColHeaders="0" tabSelected="1" zoomScale="80" zoomScaleNormal="80" workbookViewId="0">
      <pane xSplit="1" ySplit="4" topLeftCell="B5" activePane="bottomRight" state="frozen"/>
      <selection pane="topRight" activeCell="B1" sqref="B1"/>
      <selection pane="bottomLeft" activeCell="A5" sqref="A5"/>
      <selection pane="bottomRight" activeCell="B2" sqref="B2"/>
    </sheetView>
  </sheetViews>
  <sheetFormatPr baseColWidth="10" defaultColWidth="11.5546875" defaultRowHeight="0" customHeight="1" zeroHeight="1" x14ac:dyDescent="0.3"/>
  <cols>
    <col min="1" max="1" width="9.109375" style="1" customWidth="1"/>
    <col min="2" max="2" width="143.44140625" style="4" customWidth="1"/>
    <col min="3" max="3" width="126.6640625" style="7" customWidth="1"/>
    <col min="4" max="4" width="11.5546875" style="8" customWidth="1"/>
    <col min="5" max="16383" width="11.5546875" style="7"/>
    <col min="16384" max="16384" width="13.44140625" style="7" customWidth="1"/>
  </cols>
  <sheetData>
    <row r="1" spans="1:4" ht="14.4" x14ac:dyDescent="0.3"/>
    <row r="2" spans="1:4" ht="43.8" thickBot="1" x14ac:dyDescent="0.35">
      <c r="B2" s="21" t="s">
        <v>0</v>
      </c>
      <c r="C2" s="38"/>
      <c r="D2" s="39"/>
    </row>
    <row r="3" spans="1:4" ht="15.6" thickTop="1" thickBot="1" x14ac:dyDescent="0.35">
      <c r="B3" s="22" t="s">
        <v>1</v>
      </c>
      <c r="C3" s="38"/>
      <c r="D3" s="39"/>
    </row>
    <row r="4" spans="1:4" ht="15.6" thickTop="1" thickBot="1" x14ac:dyDescent="0.35">
      <c r="B4" s="23" t="s">
        <v>2</v>
      </c>
    </row>
    <row r="5" spans="1:4" ht="91.5" customHeight="1" thickTop="1" thickBot="1" x14ac:dyDescent="0.35">
      <c r="B5" s="24" t="s">
        <v>18</v>
      </c>
      <c r="C5" s="6"/>
      <c r="D5" s="9"/>
    </row>
    <row r="6" spans="1:4" ht="15.6" thickTop="1" thickBot="1" x14ac:dyDescent="0.35">
      <c r="B6" s="23" t="s">
        <v>3</v>
      </c>
    </row>
    <row r="7" spans="1:4" ht="37.5" customHeight="1" thickTop="1" thickBot="1" x14ac:dyDescent="0.35">
      <c r="B7" s="24" t="s">
        <v>4</v>
      </c>
    </row>
    <row r="8" spans="1:4" ht="15.6" thickTop="1" thickBot="1" x14ac:dyDescent="0.35">
      <c r="B8" s="23" t="s">
        <v>5</v>
      </c>
    </row>
    <row r="9" spans="1:4" ht="73.5" customHeight="1" thickTop="1" thickBot="1" x14ac:dyDescent="0.35">
      <c r="B9" s="24" t="s">
        <v>6</v>
      </c>
    </row>
    <row r="10" spans="1:4" ht="15.6" thickTop="1" thickBot="1" x14ac:dyDescent="0.35">
      <c r="B10" s="23" t="s">
        <v>7</v>
      </c>
    </row>
    <row r="11" spans="1:4" ht="50.25" customHeight="1" thickTop="1" thickBot="1" x14ac:dyDescent="0.35">
      <c r="B11" s="24" t="s">
        <v>8</v>
      </c>
    </row>
    <row r="12" spans="1:4" ht="15.6" thickTop="1" thickBot="1" x14ac:dyDescent="0.35">
      <c r="B12" s="23" t="s">
        <v>9</v>
      </c>
    </row>
    <row r="13" spans="1:4" ht="282" customHeight="1" thickTop="1" thickBot="1" x14ac:dyDescent="0.35">
      <c r="B13" s="25" t="s">
        <v>19</v>
      </c>
      <c r="C13" s="6"/>
      <c r="D13" s="9"/>
    </row>
    <row r="14" spans="1:4" ht="15.6" thickTop="1" thickBot="1" x14ac:dyDescent="0.35">
      <c r="B14" s="26" t="s">
        <v>10</v>
      </c>
    </row>
    <row r="15" spans="1:4" ht="96.75" customHeight="1" thickTop="1" thickBot="1" x14ac:dyDescent="0.35">
      <c r="B15" s="27" t="s">
        <v>22</v>
      </c>
      <c r="C15" s="10"/>
      <c r="D15" s="9"/>
    </row>
    <row r="16" spans="1:4" ht="230.4" customHeight="1" thickTop="1" thickBot="1" x14ac:dyDescent="0.35">
      <c r="A16" s="2"/>
      <c r="B16" s="27" t="s">
        <v>23</v>
      </c>
    </row>
    <row r="17" spans="1:4" ht="208.5" customHeight="1" thickTop="1" thickBot="1" x14ac:dyDescent="0.35">
      <c r="B17" s="24" t="s">
        <v>11</v>
      </c>
    </row>
    <row r="18" spans="1:4" ht="15.6" thickTop="1" thickBot="1" x14ac:dyDescent="0.35">
      <c r="B18" s="26" t="s">
        <v>12</v>
      </c>
    </row>
    <row r="19" spans="1:4" ht="310.95" customHeight="1" thickTop="1" thickBot="1" x14ac:dyDescent="0.35">
      <c r="B19" s="24" t="s">
        <v>24</v>
      </c>
    </row>
    <row r="20" spans="1:4" ht="333" customHeight="1" thickTop="1" x14ac:dyDescent="0.3">
      <c r="B20" s="28" t="s">
        <v>25</v>
      </c>
      <c r="C20" s="6"/>
      <c r="D20" s="9"/>
    </row>
    <row r="21" spans="1:4" ht="251.4" customHeight="1" thickBot="1" x14ac:dyDescent="0.35">
      <c r="B21" s="29" t="s">
        <v>20</v>
      </c>
      <c r="C21" s="6"/>
      <c r="D21" s="9"/>
    </row>
    <row r="22" spans="1:4" ht="87" customHeight="1" thickTop="1" thickBot="1" x14ac:dyDescent="0.35">
      <c r="B22" s="33" t="s">
        <v>62</v>
      </c>
      <c r="C22" s="11"/>
      <c r="D22" s="12"/>
    </row>
    <row r="23" spans="1:4" ht="306" customHeight="1" thickTop="1" thickBot="1" x14ac:dyDescent="0.35">
      <c r="A23" s="5"/>
      <c r="B23" s="33" t="s">
        <v>26</v>
      </c>
      <c r="C23" s="6"/>
    </row>
    <row r="24" spans="1:4" ht="117" customHeight="1" thickTop="1" x14ac:dyDescent="0.3">
      <c r="B24" s="30" t="s">
        <v>27</v>
      </c>
      <c r="C24" s="6"/>
      <c r="D24" s="9"/>
    </row>
    <row r="25" spans="1:4" ht="283.5" customHeight="1" thickBot="1" x14ac:dyDescent="0.35">
      <c r="B25" s="36" t="s">
        <v>28</v>
      </c>
      <c r="C25" s="6"/>
      <c r="D25" s="9"/>
    </row>
    <row r="26" spans="1:4" ht="183" customHeight="1" thickTop="1" thickBot="1" x14ac:dyDescent="0.35">
      <c r="B26" s="24" t="s">
        <v>29</v>
      </c>
    </row>
    <row r="27" spans="1:4" ht="267.89999999999998" customHeight="1" thickTop="1" thickBot="1" x14ac:dyDescent="0.35">
      <c r="B27" s="33" t="s">
        <v>30</v>
      </c>
    </row>
    <row r="28" spans="1:4" ht="118.5" customHeight="1" thickTop="1" thickBot="1" x14ac:dyDescent="0.35">
      <c r="B28" s="24" t="s">
        <v>31</v>
      </c>
    </row>
    <row r="29" spans="1:4" ht="317.25" customHeight="1" thickTop="1" x14ac:dyDescent="0.3">
      <c r="B29" s="34" t="s">
        <v>32</v>
      </c>
    </row>
    <row r="30" spans="1:4" ht="181.5" customHeight="1" thickBot="1" x14ac:dyDescent="0.35">
      <c r="B30" s="29" t="s">
        <v>33</v>
      </c>
    </row>
    <row r="31" spans="1:4" ht="72.75" customHeight="1" thickTop="1" thickBot="1" x14ac:dyDescent="0.35">
      <c r="B31" s="24" t="s">
        <v>34</v>
      </c>
    </row>
    <row r="32" spans="1:4" ht="54.75" customHeight="1" thickTop="1" thickBot="1" x14ac:dyDescent="0.35">
      <c r="B32" s="24" t="s">
        <v>35</v>
      </c>
    </row>
    <row r="33" spans="2:4" ht="153.75" customHeight="1" thickTop="1" thickBot="1" x14ac:dyDescent="0.35">
      <c r="B33" s="24" t="s">
        <v>36</v>
      </c>
    </row>
    <row r="34" spans="2:4" ht="165.6" customHeight="1" thickTop="1" thickBot="1" x14ac:dyDescent="0.35">
      <c r="B34" s="25" t="s">
        <v>37</v>
      </c>
    </row>
    <row r="35" spans="2:4" ht="66" customHeight="1" thickTop="1" thickBot="1" x14ac:dyDescent="0.35">
      <c r="B35" s="24" t="s">
        <v>38</v>
      </c>
    </row>
    <row r="36" spans="2:4" ht="98.25" customHeight="1" thickTop="1" thickBot="1" x14ac:dyDescent="0.35">
      <c r="B36" s="37" t="s">
        <v>63</v>
      </c>
    </row>
    <row r="37" spans="2:4" ht="336.75" customHeight="1" thickTop="1" thickBot="1" x14ac:dyDescent="0.35">
      <c r="B37" s="33" t="s">
        <v>39</v>
      </c>
      <c r="C37" s="13"/>
      <c r="D37" s="14"/>
    </row>
    <row r="38" spans="2:4" ht="86.25" customHeight="1" thickTop="1" thickBot="1" x14ac:dyDescent="0.35">
      <c r="B38" s="35" t="s">
        <v>40</v>
      </c>
      <c r="C38" s="15"/>
      <c r="D38" s="16"/>
    </row>
    <row r="39" spans="2:4" ht="106.5" customHeight="1" thickTop="1" thickBot="1" x14ac:dyDescent="0.35">
      <c r="B39" s="25" t="s">
        <v>41</v>
      </c>
      <c r="C39" s="17"/>
      <c r="D39" s="16"/>
    </row>
    <row r="40" spans="2:4" ht="82.5" customHeight="1" thickTop="1" thickBot="1" x14ac:dyDescent="0.35">
      <c r="B40" s="33" t="s">
        <v>42</v>
      </c>
    </row>
    <row r="41" spans="2:4" ht="255.75" customHeight="1" thickTop="1" thickBot="1" x14ac:dyDescent="0.35">
      <c r="B41" s="25" t="s">
        <v>43</v>
      </c>
      <c r="C41" s="18"/>
      <c r="D41" s="16"/>
    </row>
    <row r="42" spans="2:4" ht="58.8" thickTop="1" thickBot="1" x14ac:dyDescent="0.35">
      <c r="B42" s="24" t="s">
        <v>44</v>
      </c>
    </row>
    <row r="43" spans="2:4" ht="122.25" customHeight="1" thickTop="1" thickBot="1" x14ac:dyDescent="0.35">
      <c r="B43" s="24" t="s">
        <v>45</v>
      </c>
    </row>
    <row r="44" spans="2:4" ht="90" customHeight="1" thickTop="1" thickBot="1" x14ac:dyDescent="0.35">
      <c r="B44" s="24" t="s">
        <v>46</v>
      </c>
    </row>
    <row r="45" spans="2:4" ht="81.75" customHeight="1" thickTop="1" thickBot="1" x14ac:dyDescent="0.35">
      <c r="B45" s="24" t="s">
        <v>47</v>
      </c>
    </row>
    <row r="46" spans="2:4" ht="148.5" customHeight="1" thickTop="1" thickBot="1" x14ac:dyDescent="0.35">
      <c r="B46" s="24" t="s">
        <v>48</v>
      </c>
    </row>
    <row r="47" spans="2:4" ht="123.75" customHeight="1" thickTop="1" thickBot="1" x14ac:dyDescent="0.35">
      <c r="B47" s="24" t="s">
        <v>49</v>
      </c>
    </row>
    <row r="48" spans="2:4" ht="116.25" customHeight="1" thickTop="1" thickBot="1" x14ac:dyDescent="0.35">
      <c r="B48" s="24" t="s">
        <v>50</v>
      </c>
    </row>
    <row r="49" spans="2:4" ht="165.75" customHeight="1" thickTop="1" thickBot="1" x14ac:dyDescent="0.35">
      <c r="B49" s="24" t="s">
        <v>51</v>
      </c>
    </row>
    <row r="50" spans="2:4" ht="84.75" customHeight="1" thickTop="1" thickBot="1" x14ac:dyDescent="0.35">
      <c r="B50" s="24" t="s">
        <v>52</v>
      </c>
      <c r="D50" s="16"/>
    </row>
    <row r="51" spans="2:4" ht="86.25" customHeight="1" thickTop="1" thickBot="1" x14ac:dyDescent="0.35">
      <c r="B51" s="24" t="s">
        <v>53</v>
      </c>
      <c r="D51" s="16"/>
    </row>
    <row r="52" spans="2:4" ht="44.4" thickTop="1" thickBot="1" x14ac:dyDescent="0.35">
      <c r="B52" s="24" t="s">
        <v>54</v>
      </c>
    </row>
    <row r="53" spans="2:4" ht="102" customHeight="1" thickTop="1" thickBot="1" x14ac:dyDescent="0.35">
      <c r="B53" s="24" t="s">
        <v>55</v>
      </c>
    </row>
    <row r="54" spans="2:4" ht="44.4" thickTop="1" thickBot="1" x14ac:dyDescent="0.35">
      <c r="B54" s="24" t="s">
        <v>56</v>
      </c>
    </row>
    <row r="55" spans="2:4" ht="100.95" customHeight="1" thickTop="1" thickBot="1" x14ac:dyDescent="0.35">
      <c r="B55" s="24" t="s">
        <v>57</v>
      </c>
    </row>
    <row r="56" spans="2:4" ht="126.75" customHeight="1" thickTop="1" thickBot="1" x14ac:dyDescent="0.35">
      <c r="B56" s="24" t="s">
        <v>58</v>
      </c>
    </row>
    <row r="57" spans="2:4" ht="92.25" customHeight="1" thickTop="1" thickBot="1" x14ac:dyDescent="0.35">
      <c r="B57" s="31" t="s">
        <v>59</v>
      </c>
    </row>
    <row r="58" spans="2:4" ht="15.6" thickTop="1" thickBot="1" x14ac:dyDescent="0.35">
      <c r="B58" s="26" t="s">
        <v>13</v>
      </c>
    </row>
    <row r="59" spans="2:4" ht="150" customHeight="1" thickTop="1" thickBot="1" x14ac:dyDescent="0.35">
      <c r="B59" s="33" t="s">
        <v>60</v>
      </c>
    </row>
    <row r="60" spans="2:4" ht="153.9" customHeight="1" thickTop="1" thickBot="1" x14ac:dyDescent="0.35">
      <c r="B60" s="24" t="s">
        <v>61</v>
      </c>
    </row>
    <row r="61" spans="2:4" ht="15.6" thickTop="1" thickBot="1" x14ac:dyDescent="0.35">
      <c r="B61" s="26" t="s">
        <v>14</v>
      </c>
    </row>
    <row r="62" spans="2:4" ht="15.6" thickTop="1" thickBot="1" x14ac:dyDescent="0.35">
      <c r="B62" s="23" t="s">
        <v>15</v>
      </c>
    </row>
    <row r="63" spans="2:4" ht="37.5" customHeight="1" thickTop="1" thickBot="1" x14ac:dyDescent="0.35">
      <c r="B63" s="25" t="s">
        <v>16</v>
      </c>
    </row>
    <row r="64" spans="2:4" ht="15.6" thickTop="1" thickBot="1" x14ac:dyDescent="0.35">
      <c r="B64" s="23" t="s">
        <v>17</v>
      </c>
    </row>
    <row r="65" spans="2:4" ht="65.25" customHeight="1" thickTop="1" x14ac:dyDescent="0.3">
      <c r="B65" s="32" t="s">
        <v>21</v>
      </c>
      <c r="C65" s="19"/>
      <c r="D65" s="20"/>
    </row>
    <row r="66" spans="2:4" ht="14.4" x14ac:dyDescent="0.3">
      <c r="B66" s="3"/>
    </row>
    <row r="67" spans="2:4" ht="14.4" x14ac:dyDescent="0.3"/>
    <row r="68" spans="2:4" ht="14.4" hidden="1" x14ac:dyDescent="0.3"/>
    <row r="69" spans="2:4" ht="14.4" hidden="1" x14ac:dyDescent="0.3"/>
    <row r="70" spans="2:4" ht="14.4" hidden="1" x14ac:dyDescent="0.3"/>
    <row r="71" spans="2:4" ht="15" hidden="1" customHeight="1" x14ac:dyDescent="0.3"/>
  </sheetData>
  <mergeCells count="2">
    <mergeCell ref="C2:C3"/>
    <mergeCell ref="D2:D3"/>
  </mergeCells>
  <pageMargins left="0.7" right="0.7" top="0.75" bottom="0.75" header="0.3" footer="0.3"/>
  <pageSetup orientation="portrait" horizontalDpi="300"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1</vt:i4>
      </vt:variant>
    </vt:vector>
  </HeadingPairs>
  <TitlesOfParts>
    <vt:vector size="2" baseType="lpstr">
      <vt:lpstr>Anexo No. 4.1. Seguro de Vida</vt:lpstr>
      <vt:lpstr>'Anexo No. 4.1. Seguro de Vida'!Área_de_impresión</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hristian Mendez</dc:creator>
  <cp:keywords/>
  <dc:description/>
  <cp:lastModifiedBy>Aponte Hernandez, Christian</cp:lastModifiedBy>
  <cp:revision/>
  <dcterms:created xsi:type="dcterms:W3CDTF">2020-08-04T23:20:45Z</dcterms:created>
  <dcterms:modified xsi:type="dcterms:W3CDTF">2025-11-10T15:40:34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9c700311-1b20-487f-9129-30717d50ca8e_Enabled">
    <vt:lpwstr>True</vt:lpwstr>
  </property>
  <property fmtid="{D5CDD505-2E9C-101B-9397-08002B2CF9AE}" pid="3" name="MSIP_Label_9c700311-1b20-487f-9129-30717d50ca8e_SiteId">
    <vt:lpwstr>76e3921f-489b-4b7e-9547-9ea297add9b5</vt:lpwstr>
  </property>
  <property fmtid="{D5CDD505-2E9C-101B-9397-08002B2CF9AE}" pid="4" name="MSIP_Label_9c700311-1b20-487f-9129-30717d50ca8e_Owner">
    <vt:lpwstr>christian.mendez@willistowerswatson.com</vt:lpwstr>
  </property>
  <property fmtid="{D5CDD505-2E9C-101B-9397-08002B2CF9AE}" pid="5" name="MSIP_Label_9c700311-1b20-487f-9129-30717d50ca8e_SetDate">
    <vt:lpwstr>2020-08-04T23:30:17.9488409Z</vt:lpwstr>
  </property>
  <property fmtid="{D5CDD505-2E9C-101B-9397-08002B2CF9AE}" pid="6" name="MSIP_Label_9c700311-1b20-487f-9129-30717d50ca8e_Name">
    <vt:lpwstr>Confidential</vt:lpwstr>
  </property>
  <property fmtid="{D5CDD505-2E9C-101B-9397-08002B2CF9AE}" pid="7" name="MSIP_Label_9c700311-1b20-487f-9129-30717d50ca8e_Application">
    <vt:lpwstr>Microsoft Azure Information Protection</vt:lpwstr>
  </property>
  <property fmtid="{D5CDD505-2E9C-101B-9397-08002B2CF9AE}" pid="8" name="MSIP_Label_9c700311-1b20-487f-9129-30717d50ca8e_ActionId">
    <vt:lpwstr>777b39b7-e0d6-4cc2-96f6-aef91ffc3431</vt:lpwstr>
  </property>
  <property fmtid="{D5CDD505-2E9C-101B-9397-08002B2CF9AE}" pid="9" name="MSIP_Label_9c700311-1b20-487f-9129-30717d50ca8e_Extended_MSFT_Method">
    <vt:lpwstr>Automatic</vt:lpwstr>
  </property>
  <property fmtid="{D5CDD505-2E9C-101B-9397-08002B2CF9AE}" pid="10" name="MSIP_Label_d347b247-e90e-43a3-9d7b-004f14ae6873_Enabled">
    <vt:lpwstr>True</vt:lpwstr>
  </property>
  <property fmtid="{D5CDD505-2E9C-101B-9397-08002B2CF9AE}" pid="11" name="MSIP_Label_d347b247-e90e-43a3-9d7b-004f14ae6873_SiteId">
    <vt:lpwstr>76e3921f-489b-4b7e-9547-9ea297add9b5</vt:lpwstr>
  </property>
  <property fmtid="{D5CDD505-2E9C-101B-9397-08002B2CF9AE}" pid="12" name="MSIP_Label_d347b247-e90e-43a3-9d7b-004f14ae6873_Owner">
    <vt:lpwstr>christian.mendez@willistowerswatson.com</vt:lpwstr>
  </property>
  <property fmtid="{D5CDD505-2E9C-101B-9397-08002B2CF9AE}" pid="13" name="MSIP_Label_d347b247-e90e-43a3-9d7b-004f14ae6873_SetDate">
    <vt:lpwstr>2020-08-04T23:30:17.9488409Z</vt:lpwstr>
  </property>
  <property fmtid="{D5CDD505-2E9C-101B-9397-08002B2CF9AE}" pid="14" name="MSIP_Label_d347b247-e90e-43a3-9d7b-004f14ae6873_Name">
    <vt:lpwstr>Anyone (No Protection)</vt:lpwstr>
  </property>
  <property fmtid="{D5CDD505-2E9C-101B-9397-08002B2CF9AE}" pid="15" name="MSIP_Label_d347b247-e90e-43a3-9d7b-004f14ae6873_Application">
    <vt:lpwstr>Microsoft Azure Information Protection</vt:lpwstr>
  </property>
  <property fmtid="{D5CDD505-2E9C-101B-9397-08002B2CF9AE}" pid="16" name="MSIP_Label_d347b247-e90e-43a3-9d7b-004f14ae6873_ActionId">
    <vt:lpwstr>777b39b7-e0d6-4cc2-96f6-aef91ffc3431</vt:lpwstr>
  </property>
  <property fmtid="{D5CDD505-2E9C-101B-9397-08002B2CF9AE}" pid="17" name="MSIP_Label_d347b247-e90e-43a3-9d7b-004f14ae6873_Parent">
    <vt:lpwstr>9c700311-1b20-487f-9129-30717d50ca8e</vt:lpwstr>
  </property>
  <property fmtid="{D5CDD505-2E9C-101B-9397-08002B2CF9AE}" pid="18" name="MSIP_Label_d347b247-e90e-43a3-9d7b-004f14ae6873_Extended_MSFT_Method">
    <vt:lpwstr>Automatic</vt:lpwstr>
  </property>
  <property fmtid="{D5CDD505-2E9C-101B-9397-08002B2CF9AE}" pid="19" name="Sensitivity">
    <vt:lpwstr>Confidential Anyone (No Protection)</vt:lpwstr>
  </property>
  <property fmtid="{D5CDD505-2E9C-101B-9397-08002B2CF9AE}" pid="20" name="MSIP_Label_38f1469a-2c2a-4aee-b92b-090d4c5468ff_Enabled">
    <vt:lpwstr>true</vt:lpwstr>
  </property>
  <property fmtid="{D5CDD505-2E9C-101B-9397-08002B2CF9AE}" pid="21" name="MSIP_Label_38f1469a-2c2a-4aee-b92b-090d4c5468ff_SetDate">
    <vt:lpwstr>2025-07-24T14:03:08Z</vt:lpwstr>
  </property>
  <property fmtid="{D5CDD505-2E9C-101B-9397-08002B2CF9AE}" pid="22" name="MSIP_Label_38f1469a-2c2a-4aee-b92b-090d4c5468ff_Method">
    <vt:lpwstr>Standard</vt:lpwstr>
  </property>
  <property fmtid="{D5CDD505-2E9C-101B-9397-08002B2CF9AE}" pid="23" name="MSIP_Label_38f1469a-2c2a-4aee-b92b-090d4c5468ff_Name">
    <vt:lpwstr>Confidential - Unmarked</vt:lpwstr>
  </property>
  <property fmtid="{D5CDD505-2E9C-101B-9397-08002B2CF9AE}" pid="24" name="MSIP_Label_38f1469a-2c2a-4aee-b92b-090d4c5468ff_SiteId">
    <vt:lpwstr>2a6e6092-73e4-4752-b1a5-477a17f5056d</vt:lpwstr>
  </property>
  <property fmtid="{D5CDD505-2E9C-101B-9397-08002B2CF9AE}" pid="25" name="MSIP_Label_38f1469a-2c2a-4aee-b92b-090d4c5468ff_ActionId">
    <vt:lpwstr>db9a5dec-a3ce-4911-b255-3ae90fb5428a</vt:lpwstr>
  </property>
  <property fmtid="{D5CDD505-2E9C-101B-9397-08002B2CF9AE}" pid="26" name="MSIP_Label_38f1469a-2c2a-4aee-b92b-090d4c5468ff_ContentBits">
    <vt:lpwstr>0</vt:lpwstr>
  </property>
  <property fmtid="{D5CDD505-2E9C-101B-9397-08002B2CF9AE}" pid="27" name="MSIP_Label_38f1469a-2c2a-4aee-b92b-090d4c5468ff_Tag">
    <vt:lpwstr>10, 3, 0, 2</vt:lpwstr>
  </property>
</Properties>
</file>